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6"/>
  </p:notesMasterIdLst>
  <p:handoutMasterIdLst>
    <p:handoutMasterId r:id="rId17"/>
  </p:handoutMasterIdLst>
  <p:sldIdLst>
    <p:sldId id="260" r:id="rId10"/>
    <p:sldId id="261" r:id="rId11"/>
    <p:sldId id="264" r:id="rId12"/>
    <p:sldId id="265" r:id="rId13"/>
    <p:sldId id="267" r:id="rId14"/>
    <p:sldId id="266" r:id="rId15"/>
  </p:sldIdLst>
  <p:sldSz cx="12190413" cy="6858000"/>
  <p:notesSz cx="6858000" cy="9144000"/>
  <p:custDataLst>
    <p:tags r:id="rId1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99"/>
    <a:srgbClr val="171748"/>
    <a:srgbClr val="1FD082"/>
    <a:srgbClr val="2F3EEA"/>
    <a:srgbClr val="FFFFFF"/>
    <a:srgbClr val="990000"/>
    <a:srgbClr val="000000"/>
    <a:srgbClr val="FFCC00"/>
    <a:srgbClr val="FF66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AC816DA-7E3F-4C27-8182-B869B4849E58}" v="544" dt="2024-02-07T05:11:32.262"/>
  </p1510:revLst>
</p1510:revInfo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33" autoAdjust="0"/>
    <p:restoredTop sz="94878" autoAdjust="0"/>
  </p:normalViewPr>
  <p:slideViewPr>
    <p:cSldViewPr showGuides="1">
      <p:cViewPr varScale="1">
        <p:scale>
          <a:sx n="84" d="100"/>
          <a:sy n="84" d="100"/>
        </p:scale>
        <p:origin x="366" y="6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microsoft.com/office/2016/11/relationships/changesInfo" Target="changesInfos/changesInfo1.xml"/><Relationship Id="rId10" Type="http://schemas.openxmlformats.org/officeDocument/2006/relationships/slide" Target="slides/slide1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oberto Galeazzi" userId="c9e07dfc-44dc-4acf-9b2e-a38b85d7f587" providerId="ADAL" clId="{0AC816DA-7E3F-4C27-8182-B869B4849E58}"/>
    <pc:docChg chg="undo custSel addSld delSld modSld modMainMaster">
      <pc:chgData name="Roberto Galeazzi" userId="c9e07dfc-44dc-4acf-9b2e-a38b85d7f587" providerId="ADAL" clId="{0AC816DA-7E3F-4C27-8182-B869B4849E58}" dt="2024-02-07T05:11:32.262" v="4044" actId="5793"/>
      <pc:docMkLst>
        <pc:docMk/>
      </pc:docMkLst>
      <pc:sldChg chg="del">
        <pc:chgData name="Roberto Galeazzi" userId="c9e07dfc-44dc-4acf-9b2e-a38b85d7f587" providerId="ADAL" clId="{0AC816DA-7E3F-4C27-8182-B869B4849E58}" dt="2024-02-07T04:43:08.311" v="977" actId="47"/>
        <pc:sldMkLst>
          <pc:docMk/>
          <pc:sldMk cId="1796381250" sldId="257"/>
        </pc:sldMkLst>
      </pc:sldChg>
      <pc:sldChg chg="modSp mod">
        <pc:chgData name="Roberto Galeazzi" userId="c9e07dfc-44dc-4acf-9b2e-a38b85d7f587" providerId="ADAL" clId="{0AC816DA-7E3F-4C27-8182-B869B4849E58}" dt="2024-02-07T04:21:06.911" v="37" actId="20577"/>
        <pc:sldMkLst>
          <pc:docMk/>
          <pc:sldMk cId="2320714135" sldId="260"/>
        </pc:sldMkLst>
        <pc:spChg chg="mod">
          <ac:chgData name="Roberto Galeazzi" userId="c9e07dfc-44dc-4acf-9b2e-a38b85d7f587" providerId="ADAL" clId="{0AC816DA-7E3F-4C27-8182-B869B4849E58}" dt="2024-02-07T04:21:06.911" v="37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addSp delSp modSp mod">
        <pc:chgData name="Roberto Galeazzi" userId="c9e07dfc-44dc-4acf-9b2e-a38b85d7f587" providerId="ADAL" clId="{0AC816DA-7E3F-4C27-8182-B869B4849E58}" dt="2024-02-07T04:44:10.366" v="993" actId="20577"/>
        <pc:sldMkLst>
          <pc:docMk/>
          <pc:sldMk cId="3207386274" sldId="261"/>
        </pc:sldMkLst>
        <pc:spChg chg="mod">
          <ac:chgData name="Roberto Galeazzi" userId="c9e07dfc-44dc-4acf-9b2e-a38b85d7f587" providerId="ADAL" clId="{0AC816DA-7E3F-4C27-8182-B869B4849E58}" dt="2024-02-07T04:22:19.379" v="121" actId="20577"/>
          <ac:spMkLst>
            <pc:docMk/>
            <pc:sldMk cId="3207386274" sldId="261"/>
            <ac:spMk id="5" creationId="{43AB9D89-4678-4B3C-8679-3E429EFBB2DD}"/>
          </ac:spMkLst>
        </pc:spChg>
        <pc:spChg chg="mod">
          <ac:chgData name="Roberto Galeazzi" userId="c9e07dfc-44dc-4acf-9b2e-a38b85d7f587" providerId="ADAL" clId="{0AC816DA-7E3F-4C27-8182-B869B4849E58}" dt="2024-02-07T04:44:10.366" v="993" actId="20577"/>
          <ac:spMkLst>
            <pc:docMk/>
            <pc:sldMk cId="3207386274" sldId="261"/>
            <ac:spMk id="6" creationId="{5A5890CD-8F90-4FE7-841F-F7B0C2865BA2}"/>
          </ac:spMkLst>
        </pc:spChg>
        <pc:grpChg chg="mod">
          <ac:chgData name="Roberto Galeazzi" userId="c9e07dfc-44dc-4acf-9b2e-a38b85d7f587" providerId="ADAL" clId="{0AC816DA-7E3F-4C27-8182-B869B4849E58}" dt="2024-02-07T04:41:30.374" v="947"/>
          <ac:grpSpMkLst>
            <pc:docMk/>
            <pc:sldMk cId="3207386274" sldId="261"/>
            <ac:grpSpMk id="8" creationId="{7102AD0B-E456-B4E8-17F6-AEF87829502A}"/>
          </ac:grpSpMkLst>
        </pc:grpChg>
        <pc:grpChg chg="del mod">
          <ac:chgData name="Roberto Galeazzi" userId="c9e07dfc-44dc-4acf-9b2e-a38b85d7f587" providerId="ADAL" clId="{0AC816DA-7E3F-4C27-8182-B869B4849E58}" dt="2024-02-07T04:41:47.688" v="959"/>
          <ac:grpSpMkLst>
            <pc:docMk/>
            <pc:sldMk cId="3207386274" sldId="261"/>
            <ac:grpSpMk id="15" creationId="{89C322F3-2B69-762A-6013-33E8C29CDE08}"/>
          </ac:grpSpMkLst>
        </pc:grpChg>
        <pc:grpChg chg="del 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19" creationId="{3F1EA58D-7814-E607-7B0B-8382CB403D72}"/>
          </ac:grpSpMkLst>
        </pc:grpChg>
        <pc:grpChg chg="mod">
          <ac:chgData name="Roberto Galeazzi" userId="c9e07dfc-44dc-4acf-9b2e-a38b85d7f587" providerId="ADAL" clId="{0AC816DA-7E3F-4C27-8182-B869B4849E58}" dt="2024-02-07T04:42:25.889" v="968"/>
          <ac:grpSpMkLst>
            <pc:docMk/>
            <pc:sldMk cId="3207386274" sldId="261"/>
            <ac:grpSpMk id="23" creationId="{1D932A44-AFB2-456C-C472-7A4A151E1FE4}"/>
          </ac:grpSpMkLst>
        </pc:grpChg>
        <pc:grpChg chg="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27" creationId="{68B5A973-083F-9FCA-251A-75B38A3829D3}"/>
          </ac:grpSpMkLst>
        </pc:grpChg>
        <pc:inkChg chg="add del">
          <ac:chgData name="Roberto Galeazzi" userId="c9e07dfc-44dc-4acf-9b2e-a38b85d7f587" providerId="ADAL" clId="{0AC816DA-7E3F-4C27-8182-B869B4849E58}" dt="2024-02-07T04:41:18.564" v="942" actId="9405"/>
          <ac:inkMkLst>
            <pc:docMk/>
            <pc:sldMk cId="3207386274" sldId="261"/>
            <ac:inkMk id="2" creationId="{53051EC1-320E-C32B-23B0-990F68198194}"/>
          </ac:inkMkLst>
        </pc:inkChg>
        <pc:inkChg chg="add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3" creationId="{C34AF960-011D-D359-1C83-01BA232B7667}"/>
          </ac:inkMkLst>
        </pc:inkChg>
        <pc:inkChg chg="add del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7" creationId="{A615F89B-B9A4-81E3-CA9E-DE2407DBE352}"/>
          </ac:inkMkLst>
        </pc:inkChg>
        <pc:inkChg chg="add del">
          <ac:chgData name="Roberto Galeazzi" userId="c9e07dfc-44dc-4acf-9b2e-a38b85d7f587" providerId="ADAL" clId="{0AC816DA-7E3F-4C27-8182-B869B4849E58}" dt="2024-02-07T04:41:33.096" v="949" actId="9405"/>
          <ac:inkMkLst>
            <pc:docMk/>
            <pc:sldMk cId="3207386274" sldId="261"/>
            <ac:inkMk id="9" creationId="{8A14B51C-168E-BB6E-2EF9-C11944F962D5}"/>
          </ac:inkMkLst>
        </pc:inkChg>
        <pc:inkChg chg="add del">
          <ac:chgData name="Roberto Galeazzi" userId="c9e07dfc-44dc-4acf-9b2e-a38b85d7f587" providerId="ADAL" clId="{0AC816DA-7E3F-4C27-8182-B869B4849E58}" dt="2024-02-07T04:41:36.066" v="951" actId="9405"/>
          <ac:inkMkLst>
            <pc:docMk/>
            <pc:sldMk cId="3207386274" sldId="261"/>
            <ac:inkMk id="11" creationId="{2DE3AA18-49B0-09DE-5EBD-F5D93EA22C3D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2" creationId="{799CB66B-1969-E3DC-731A-8C8AF12F49BE}"/>
          </ac:inkMkLst>
        </pc:inkChg>
        <pc:inkChg chg="add">
          <ac:chgData name="Roberto Galeazzi" userId="c9e07dfc-44dc-4acf-9b2e-a38b85d7f587" providerId="ADAL" clId="{0AC816DA-7E3F-4C27-8182-B869B4849E58}" dt="2024-02-07T04:41:40.100" v="953" actId="9405"/>
          <ac:inkMkLst>
            <pc:docMk/>
            <pc:sldMk cId="3207386274" sldId="261"/>
            <ac:inkMk id="13" creationId="{E059487D-CC4A-6E94-DE1D-687114B0C9B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4" creationId="{943FCAD6-8E32-A96D-82FD-753A46900488}"/>
          </ac:inkMkLst>
        </pc:inkChg>
        <pc:inkChg chg="add del">
          <ac:chgData name="Roberto Galeazzi" userId="c9e07dfc-44dc-4acf-9b2e-a38b85d7f587" providerId="ADAL" clId="{0AC816DA-7E3F-4C27-8182-B869B4849E58}" dt="2024-02-07T04:42:16.860" v="961"/>
          <ac:inkMkLst>
            <pc:docMk/>
            <pc:sldMk cId="3207386274" sldId="261"/>
            <ac:inkMk id="16" creationId="{CFB1C778-67A7-D371-62ED-81ABB8EC08A9}"/>
          </ac:inkMkLst>
        </pc:inkChg>
        <pc:inkChg chg="add del mod">
          <ac:chgData name="Roberto Galeazzi" userId="c9e07dfc-44dc-4acf-9b2e-a38b85d7f587" providerId="ADAL" clId="{0AC816DA-7E3F-4C27-8182-B869B4849E58}" dt="2024-02-07T04:42:19.194" v="962"/>
          <ac:inkMkLst>
            <pc:docMk/>
            <pc:sldMk cId="3207386274" sldId="261"/>
            <ac:inkMk id="17" creationId="{C9ECEAEA-1267-B302-D21D-81B5B7861E5F}"/>
          </ac:inkMkLst>
        </pc:inkChg>
        <pc:inkChg chg="add del mod">
          <ac:chgData name="Roberto Galeazzi" userId="c9e07dfc-44dc-4acf-9b2e-a38b85d7f587" providerId="ADAL" clId="{0AC816DA-7E3F-4C27-8182-B869B4849E58}" dt="2024-02-07T04:42:19.194" v="963"/>
          <ac:inkMkLst>
            <pc:docMk/>
            <pc:sldMk cId="3207386274" sldId="261"/>
            <ac:inkMk id="18" creationId="{A4D7619E-7A55-287C-48AB-2D95BF82CED9}"/>
          </ac:inkMkLst>
        </pc:inkChg>
        <pc:inkChg chg="add">
          <ac:chgData name="Roberto Galeazzi" userId="c9e07dfc-44dc-4acf-9b2e-a38b85d7f587" providerId="ADAL" clId="{0AC816DA-7E3F-4C27-8182-B869B4849E58}" dt="2024-02-07T04:42:06.124" v="960" actId="9405"/>
          <ac:inkMkLst>
            <pc:docMk/>
            <pc:sldMk cId="3207386274" sldId="261"/>
            <ac:inkMk id="20" creationId="{BD6B8FF6-03C3-2A00-E97E-2719728491CE}"/>
          </ac:inkMkLst>
        </pc:inkChg>
        <pc:inkChg chg="add del mod">
          <ac:chgData name="Roberto Galeazzi" userId="c9e07dfc-44dc-4acf-9b2e-a38b85d7f587" providerId="ADAL" clId="{0AC816DA-7E3F-4C27-8182-B869B4849E58}" dt="2024-02-07T04:42:27.414" v="969" actId="9405"/>
          <ac:inkMkLst>
            <pc:docMk/>
            <pc:sldMk cId="3207386274" sldId="261"/>
            <ac:inkMk id="21" creationId="{7D39F9FC-170B-F619-EAD0-682CC438D094}"/>
          </ac:inkMkLst>
        </pc:inkChg>
        <pc:inkChg chg="add del mod">
          <ac:chgData name="Roberto Galeazzi" userId="c9e07dfc-44dc-4acf-9b2e-a38b85d7f587" providerId="ADAL" clId="{0AC816DA-7E3F-4C27-8182-B869B4849E58}" dt="2024-02-07T04:42:25.889" v="968"/>
          <ac:inkMkLst>
            <pc:docMk/>
            <pc:sldMk cId="3207386274" sldId="261"/>
            <ac:inkMk id="22" creationId="{78957A93-88F4-CF67-85F0-E47E16272251}"/>
          </ac:inkMkLst>
        </pc:inkChg>
        <pc:inkChg chg="add">
          <ac:chgData name="Roberto Galeazzi" userId="c9e07dfc-44dc-4acf-9b2e-a38b85d7f587" providerId="ADAL" clId="{0AC816DA-7E3F-4C27-8182-B869B4849E58}" dt="2024-02-07T04:42:31.985" v="970" actId="9405"/>
          <ac:inkMkLst>
            <pc:docMk/>
            <pc:sldMk cId="3207386274" sldId="261"/>
            <ac:inkMk id="24" creationId="{815452D8-FD44-C1BD-B792-4444F648885C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5" creationId="{0077AD12-E240-584D-84CA-EB411219B04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6" creationId="{368F04F1-2AAB-502F-312F-925B9BEDCAA4}"/>
          </ac:inkMkLst>
        </pc:inkChg>
      </pc:sldChg>
      <pc:sldChg chg="del">
        <pc:chgData name="Roberto Galeazzi" userId="c9e07dfc-44dc-4acf-9b2e-a38b85d7f587" providerId="ADAL" clId="{0AC816DA-7E3F-4C27-8182-B869B4849E58}" dt="2024-02-07T04:43:07.414" v="975" actId="47"/>
        <pc:sldMkLst>
          <pc:docMk/>
          <pc:sldMk cId="2882503154" sldId="262"/>
        </pc:sldMkLst>
      </pc:sldChg>
      <pc:sldChg chg="del">
        <pc:chgData name="Roberto Galeazzi" userId="c9e07dfc-44dc-4acf-9b2e-a38b85d7f587" providerId="ADAL" clId="{0AC816DA-7E3F-4C27-8182-B869B4849E58}" dt="2024-02-07T04:43:07.763" v="976" actId="47"/>
        <pc:sldMkLst>
          <pc:docMk/>
          <pc:sldMk cId="3945447324" sldId="263"/>
        </pc:sldMkLst>
      </pc:sldChg>
      <pc:sldChg chg="addSp delSp modSp add mod">
        <pc:chgData name="Roberto Galeazzi" userId="c9e07dfc-44dc-4acf-9b2e-a38b85d7f587" providerId="ADAL" clId="{0AC816DA-7E3F-4C27-8182-B869B4849E58}" dt="2024-02-07T04:52:46.150" v="1991" actId="20577"/>
        <pc:sldMkLst>
          <pc:docMk/>
          <pc:sldMk cId="4064153959" sldId="264"/>
        </pc:sldMkLst>
        <pc:spChg chg="mod">
          <ac:chgData name="Roberto Galeazzi" userId="c9e07dfc-44dc-4acf-9b2e-a38b85d7f587" providerId="ADAL" clId="{0AC816DA-7E3F-4C27-8182-B869B4849E58}" dt="2024-02-07T04:52:46.150" v="1991" actId="20577"/>
          <ac:spMkLst>
            <pc:docMk/>
            <pc:sldMk cId="4064153959" sldId="264"/>
            <ac:spMk id="6" creationId="{A14120DF-2FA9-FC98-2A6B-CBEE788F12BC}"/>
          </ac:spMkLst>
        </pc:spChg>
        <pc:grpChg chg="del mod">
          <ac:chgData name="Roberto Galeazzi" userId="c9e07dfc-44dc-4acf-9b2e-a38b85d7f587" providerId="ADAL" clId="{0AC816DA-7E3F-4C27-8182-B869B4849E58}" dt="2024-02-07T04:43:42.423" v="986"/>
          <ac:grpSpMkLst>
            <pc:docMk/>
            <pc:sldMk cId="4064153959" sldId="264"/>
            <ac:grpSpMk id="27" creationId="{0618F546-312D-B6D1-68C7-44606EB4419C}"/>
          </ac:grpSpMkLst>
        </pc:grpChg>
        <pc:inkChg chg="add del">
          <ac:chgData name="Roberto Galeazzi" userId="c9e07dfc-44dc-4acf-9b2e-a38b85d7f587" providerId="ADAL" clId="{0AC816DA-7E3F-4C27-8182-B869B4849E58}" dt="2024-02-07T04:43:14.166" v="979" actId="9405"/>
          <ac:inkMkLst>
            <pc:docMk/>
            <pc:sldMk cId="4064153959" sldId="264"/>
            <ac:inkMk id="2" creationId="{96E9E58D-270B-1BF6-C70B-95B49F08851F}"/>
          </ac:inkMkLst>
        </pc:inkChg>
        <pc:inkChg chg="del">
          <ac:chgData name="Roberto Galeazzi" userId="c9e07dfc-44dc-4acf-9b2e-a38b85d7f587" providerId="ADAL" clId="{0AC816DA-7E3F-4C27-8182-B869B4849E58}" dt="2024-02-07T04:43:38.175" v="981"/>
          <ac:inkMkLst>
            <pc:docMk/>
            <pc:sldMk cId="4064153959" sldId="264"/>
            <ac:inkMk id="3" creationId="{6274FCFE-AB98-C984-EBC3-F566B11EA2A0}"/>
          </ac:inkMkLst>
        </pc:inkChg>
        <pc:inkChg chg="del mod">
          <ac:chgData name="Roberto Galeazzi" userId="c9e07dfc-44dc-4acf-9b2e-a38b85d7f587" providerId="ADAL" clId="{0AC816DA-7E3F-4C27-8182-B869B4849E58}" dt="2024-02-07T04:43:42.423" v="985"/>
          <ac:inkMkLst>
            <pc:docMk/>
            <pc:sldMk cId="4064153959" sldId="264"/>
            <ac:inkMk id="12" creationId="{0E0CD184-4D7D-F472-46FA-AC780DB52888}"/>
          </ac:inkMkLst>
        </pc:inkChg>
        <pc:inkChg chg="del">
          <ac:chgData name="Roberto Galeazzi" userId="c9e07dfc-44dc-4acf-9b2e-a38b85d7f587" providerId="ADAL" clId="{0AC816DA-7E3F-4C27-8182-B869B4849E58}" dt="2024-02-07T04:43:42.423" v="987"/>
          <ac:inkMkLst>
            <pc:docMk/>
            <pc:sldMk cId="4064153959" sldId="264"/>
            <ac:inkMk id="13" creationId="{7FC4DC1D-B0B1-09D6-7DE9-15188A261E6C}"/>
          </ac:inkMkLst>
        </pc:inkChg>
        <pc:inkChg chg="del mod">
          <ac:chgData name="Roberto Galeazzi" userId="c9e07dfc-44dc-4acf-9b2e-a38b85d7f587" providerId="ADAL" clId="{0AC816DA-7E3F-4C27-8182-B869B4849E58}" dt="2024-02-07T04:43:42.423" v="988"/>
          <ac:inkMkLst>
            <pc:docMk/>
            <pc:sldMk cId="4064153959" sldId="264"/>
            <ac:inkMk id="14" creationId="{2961A02D-6D2B-028B-A27A-B62B754A6A3C}"/>
          </ac:inkMkLst>
        </pc:inkChg>
        <pc:inkChg chg="del">
          <ac:chgData name="Roberto Galeazzi" userId="c9e07dfc-44dc-4acf-9b2e-a38b85d7f587" providerId="ADAL" clId="{0AC816DA-7E3F-4C27-8182-B869B4849E58}" dt="2024-02-07T04:43:42.422" v="982"/>
          <ac:inkMkLst>
            <pc:docMk/>
            <pc:sldMk cId="4064153959" sldId="264"/>
            <ac:inkMk id="20" creationId="{DFC3BB17-2980-5CAE-114E-CFFDC088EE6E}"/>
          </ac:inkMkLst>
        </pc:inkChg>
        <pc:inkChg chg="del">
          <ac:chgData name="Roberto Galeazzi" userId="c9e07dfc-44dc-4acf-9b2e-a38b85d7f587" providerId="ADAL" clId="{0AC816DA-7E3F-4C27-8182-B869B4849E58}" dt="2024-02-07T04:43:42.422" v="983"/>
          <ac:inkMkLst>
            <pc:docMk/>
            <pc:sldMk cId="4064153959" sldId="264"/>
            <ac:inkMk id="24" creationId="{FDA8F38F-7E4C-A9D3-689E-E612D4C928AF}"/>
          </ac:inkMkLst>
        </pc:inkChg>
        <pc:inkChg chg="del">
          <ac:chgData name="Roberto Galeazzi" userId="c9e07dfc-44dc-4acf-9b2e-a38b85d7f587" providerId="ADAL" clId="{0AC816DA-7E3F-4C27-8182-B869B4849E58}" dt="2024-02-07T04:43:42.422" v="984"/>
          <ac:inkMkLst>
            <pc:docMk/>
            <pc:sldMk cId="4064153959" sldId="264"/>
            <ac:inkMk id="25" creationId="{2956387E-1A58-1F0B-DA4D-CEEDBF8E862B}"/>
          </ac:inkMkLst>
        </pc:inkChg>
        <pc:inkChg chg="del mod">
          <ac:chgData name="Roberto Galeazzi" userId="c9e07dfc-44dc-4acf-9b2e-a38b85d7f587" providerId="ADAL" clId="{0AC816DA-7E3F-4C27-8182-B869B4849E58}" dt="2024-02-07T04:43:42.423" v="986"/>
          <ac:inkMkLst>
            <pc:docMk/>
            <pc:sldMk cId="4064153959" sldId="264"/>
            <ac:inkMk id="26" creationId="{52B04126-BCB3-40F5-DE97-94FF6696A630}"/>
          </ac:inkMkLst>
        </pc:inkChg>
      </pc:sldChg>
      <pc:sldChg chg="modSp new mod">
        <pc:chgData name="Roberto Galeazzi" userId="c9e07dfc-44dc-4acf-9b2e-a38b85d7f587" providerId="ADAL" clId="{0AC816DA-7E3F-4C27-8182-B869B4849E58}" dt="2024-02-07T05:01:17.284" v="3031" actId="6549"/>
        <pc:sldMkLst>
          <pc:docMk/>
          <pc:sldMk cId="2376111448" sldId="265"/>
        </pc:sldMkLst>
        <pc:spChg chg="mod">
          <ac:chgData name="Roberto Galeazzi" userId="c9e07dfc-44dc-4acf-9b2e-a38b85d7f587" providerId="ADAL" clId="{0AC816DA-7E3F-4C27-8182-B869B4849E58}" dt="2024-02-07T04:53:57.649" v="2088" actId="20577"/>
          <ac:spMkLst>
            <pc:docMk/>
            <pc:sldMk cId="2376111448" sldId="265"/>
            <ac:spMk id="2" creationId="{591533E4-A0B9-6CDC-AA57-510170733DC2}"/>
          </ac:spMkLst>
        </pc:spChg>
        <pc:spChg chg="mod">
          <ac:chgData name="Roberto Galeazzi" userId="c9e07dfc-44dc-4acf-9b2e-a38b85d7f587" providerId="ADAL" clId="{0AC816DA-7E3F-4C27-8182-B869B4849E58}" dt="2024-02-07T05:01:17.284" v="3031" actId="6549"/>
          <ac:spMkLst>
            <pc:docMk/>
            <pc:sldMk cId="2376111448" sldId="265"/>
            <ac:spMk id="3" creationId="{1716E304-E28B-6A2C-A78D-0E3A018BA9D0}"/>
          </ac:spMkLst>
        </pc:spChg>
      </pc:sldChg>
      <pc:sldChg chg="modSp add mod">
        <pc:chgData name="Roberto Galeazzi" userId="c9e07dfc-44dc-4acf-9b2e-a38b85d7f587" providerId="ADAL" clId="{0AC816DA-7E3F-4C27-8182-B869B4849E58}" dt="2024-02-07T05:11:32.262" v="4044" actId="5793"/>
        <pc:sldMkLst>
          <pc:docMk/>
          <pc:sldMk cId="3689346459" sldId="266"/>
        </pc:sldMkLst>
        <pc:spChg chg="mod">
          <ac:chgData name="Roberto Galeazzi" userId="c9e07dfc-44dc-4acf-9b2e-a38b85d7f587" providerId="ADAL" clId="{0AC816DA-7E3F-4C27-8182-B869B4849E58}" dt="2024-02-07T05:11:32.262" v="4044" actId="5793"/>
          <ac:spMkLst>
            <pc:docMk/>
            <pc:sldMk cId="3689346459" sldId="266"/>
            <ac:spMk id="3" creationId="{F61CF163-B703-40B0-FB3C-EC5662AF278B}"/>
          </ac:spMkLst>
        </pc:spChg>
      </pc:sldChg>
      <pc:sldMasterChg chg="delSp modSp mod">
        <pc:chgData name="Roberto Galeazzi" userId="c9e07dfc-44dc-4acf-9b2e-a38b85d7f587" providerId="ADAL" clId="{0AC816DA-7E3F-4C27-8182-B869B4849E58}" dt="2024-02-07T04:21:32.821" v="52" actId="20577"/>
        <pc:sldMasterMkLst>
          <pc:docMk/>
          <pc:sldMasterMk cId="2454702602" sldId="2147483662"/>
        </pc:sldMasterMkLst>
        <pc:spChg chg="del">
          <ac:chgData name="Roberto Galeazzi" userId="c9e07dfc-44dc-4acf-9b2e-a38b85d7f587" providerId="ADAL" clId="{0AC816DA-7E3F-4C27-8182-B869B4849E58}" dt="2024-02-07T04:21:24.463" v="38" actId="478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Roberto Galeazzi" userId="c9e07dfc-44dc-4acf-9b2e-a38b85d7f587" providerId="ADAL" clId="{0AC816DA-7E3F-4C27-8182-B869B4849E58}" dt="2024-02-07T04:21:32.821" v="52" actId="20577"/>
          <ac:spMkLst>
            <pc:docMk/>
            <pc:sldMasterMk cId="2454702602" sldId="2147483662"/>
            <ac:spMk id="113676" creationId="{00000000-0000-0000-0000-000000000000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4677ba61-354d-4365-8b3f-c04251d5c3e5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Electrical and Photonics Engineering</a:t>
            </a:r>
          </a:p>
        </p:txBody>
      </p:sp>
      <p:sp>
        <p:nvSpPr>
          <p:cNvPr id="7" name="text" descr="{&quot;templafy&quot;:{&quot;id&quot;:&quot;2b4439ed-ce1f-4eaa-844c-d1e3543b312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ros-planning/3d_navigation/tree/hydro-devel/octomap_collision_check" TargetMode="External"/><Relationship Id="rId2" Type="http://schemas.openxmlformats.org/officeDocument/2006/relationships/hyperlink" Target="http://wiki.ros.org/octomap" TargetMode="Externa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600" dirty="0"/>
              <a:t>Path Plan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Autonomous Marine Robotics – Training session 3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1 – Search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400" dirty="0"/>
              <a:t>Run the Python </a:t>
            </a:r>
            <a:r>
              <a:rPr lang="en-US" sz="2400" dirty="0" err="1"/>
              <a:t>Jupyter</a:t>
            </a:r>
            <a:r>
              <a:rPr lang="en-US" sz="2400" dirty="0"/>
              <a:t> Notebook (</a:t>
            </a:r>
            <a:r>
              <a:rPr lang="en-US" sz="2400" dirty="0">
                <a:solidFill>
                  <a:srgbClr val="FF0000"/>
                </a:solidFill>
              </a:rPr>
              <a:t>exe1_search_based.ipynb</a:t>
            </a:r>
            <a:r>
              <a:rPr lang="en-US" sz="2400" dirty="0"/>
              <a:t>) </a:t>
            </a:r>
          </a:p>
          <a:p>
            <a:pPr lvl="1"/>
            <a:r>
              <a:rPr lang="en-US" sz="2400" dirty="0"/>
              <a:t>The project is available from the Gitlab repository under directories: </a:t>
            </a:r>
            <a:r>
              <a:rPr lang="en-US" sz="2400" dirty="0">
                <a:solidFill>
                  <a:schemeClr val="accent3">
                    <a:lumMod val="50000"/>
                  </a:schemeClr>
                </a:solidFill>
              </a:rPr>
              <a:t>Training Sessions\TS3 Path Planning Notebook</a:t>
            </a:r>
          </a:p>
          <a:p>
            <a:r>
              <a:rPr lang="en-US" sz="2400" dirty="0"/>
              <a:t>Discuss the comparison among BFS, Dijkstra, A* with Euclidean Heuristics and A* with Manhattan Heuristics.</a:t>
            </a:r>
          </a:p>
          <a:p>
            <a:pPr marL="0" indent="0">
              <a:buNone/>
            </a:pPr>
            <a:endParaRPr lang="en-US" sz="3200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73862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65EFC1-44BE-8EFB-40F4-CD9D1716C1A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E0FCAF5-00FE-0D87-8871-76445E4581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2 – Sampl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4120DF-2FA9-FC98-2A6B-CBEE788F12B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800" dirty="0"/>
              <a:t>Exercise 2.1</a:t>
            </a:r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.ipynb</a:t>
            </a:r>
            <a:r>
              <a:rPr lang="en-US" dirty="0"/>
              <a:t>) </a:t>
            </a:r>
          </a:p>
          <a:p>
            <a:pPr lvl="1"/>
            <a:r>
              <a:rPr lang="en-US" dirty="0"/>
              <a:t>Complete the code for tuning other hyperparameters of RRT*:</a:t>
            </a:r>
          </a:p>
          <a:p>
            <a:pPr lvl="2"/>
            <a:r>
              <a:rPr lang="en-US" dirty="0"/>
              <a:t>Goal sample rate</a:t>
            </a:r>
          </a:p>
          <a:p>
            <a:pPr lvl="2"/>
            <a:r>
              <a:rPr lang="en-US" dirty="0"/>
              <a:t>Searching radius</a:t>
            </a:r>
          </a:p>
          <a:p>
            <a:r>
              <a:rPr lang="en-US" dirty="0"/>
              <a:t>Exercise 2.2</a:t>
            </a:r>
            <a:endParaRPr lang="en-US" sz="1800" dirty="0"/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_seachart.ipynb</a:t>
            </a:r>
            <a:r>
              <a:rPr lang="en-US" dirty="0"/>
              <a:t>)</a:t>
            </a:r>
          </a:p>
          <a:p>
            <a:pPr lvl="1"/>
            <a:r>
              <a:rPr lang="en-US" dirty="0"/>
              <a:t>Complete the code, implementing RRT*</a:t>
            </a:r>
          </a:p>
          <a:p>
            <a:pPr lvl="1"/>
            <a:r>
              <a:rPr lang="en-US" dirty="0"/>
              <a:t>Compare the result between RRT and RRT*. </a:t>
            </a:r>
          </a:p>
          <a:p>
            <a:endParaRPr lang="en-US" dirty="0"/>
          </a:p>
          <a:p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marL="0" indent="0">
              <a:buNone/>
            </a:pPr>
            <a:endParaRPr lang="en-US" sz="1800" dirty="0"/>
          </a:p>
        </p:txBody>
      </p:sp>
      <p:sp>
        <p:nvSpPr>
          <p:cNvPr id="10" name="FLD_Presentation Title">
            <a:extLst>
              <a:ext uri="{FF2B5EF4-FFF2-40B4-BE49-F238E27FC236}">
                <a16:creationId xmlns:a16="http://schemas.microsoft.com/office/drawing/2014/main" id="{B380D21E-6556-06EF-344A-2B117A6492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FBA4AE-2BC7-5C40-C442-BE137341C0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41539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1533E4-A0B9-6CDC-AA57-510170733DC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Implementation using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716E304-E28B-6A2C-A78D-0E3A018BA9D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3.1: Running the path planning simulation</a:t>
            </a:r>
          </a:p>
          <a:p>
            <a:pPr lvl="1"/>
            <a:r>
              <a:rPr lang="en-US" dirty="0"/>
              <a:t>For installing the package and run the docker, visit:</a:t>
            </a:r>
          </a:p>
          <a:p>
            <a:pPr lvl="2"/>
            <a:r>
              <a:rPr lang="en-US" dirty="0">
                <a:solidFill>
                  <a:srgbClr val="FF0000"/>
                </a:solidFill>
              </a:rPr>
              <a:t>https://github.com/yaqub93/bluerov_path_planning.git </a:t>
            </a:r>
            <a:endParaRPr lang="en-US" dirty="0"/>
          </a:p>
          <a:p>
            <a:pPr lvl="2"/>
            <a:r>
              <a:rPr lang="en-US" dirty="0"/>
              <a:t>Note: If you are familiar with ROS, using Docker is not mandatory</a:t>
            </a:r>
          </a:p>
          <a:p>
            <a:pPr lvl="1"/>
            <a:r>
              <a:rPr lang="en-US" dirty="0"/>
              <a:t>How to run the simulation:</a:t>
            </a:r>
          </a:p>
          <a:p>
            <a:pPr lvl="2"/>
            <a:r>
              <a:rPr lang="en-US" dirty="0"/>
              <a:t>Run the </a:t>
            </a:r>
            <a:r>
              <a:rPr lang="en-US" dirty="0" err="1"/>
              <a:t>BlueROV</a:t>
            </a:r>
            <a:r>
              <a:rPr lang="en-US" dirty="0"/>
              <a:t> Gazebo:</a:t>
            </a:r>
          </a:p>
          <a:p>
            <a:pPr lvl="3"/>
            <a:r>
              <a:rPr lang="en-US" dirty="0" err="1">
                <a:solidFill>
                  <a:srgbClr val="FF0000"/>
                </a:solidFill>
              </a:rPr>
              <a:t>roslaunch</a:t>
            </a:r>
            <a:r>
              <a:rPr lang="en-US" dirty="0">
                <a:solidFill>
                  <a:srgbClr val="FF0000"/>
                </a:solidFill>
              </a:rPr>
              <a:t> bluerov2_gazebo </a:t>
            </a:r>
            <a:r>
              <a:rPr lang="en-US" dirty="0" err="1">
                <a:solidFill>
                  <a:srgbClr val="FF0000"/>
                </a:solidFill>
              </a:rPr>
              <a:t>start_pid_demo_lake.launch</a:t>
            </a:r>
            <a:endParaRPr lang="en-US" dirty="0">
              <a:solidFill>
                <a:srgbClr val="FF0000"/>
              </a:solidFill>
            </a:endParaRPr>
          </a:p>
          <a:p>
            <a:pPr lvl="2"/>
            <a:r>
              <a:rPr lang="en-US" dirty="0"/>
              <a:t>Run the map publisher, path planner and path follower:</a:t>
            </a:r>
          </a:p>
          <a:p>
            <a:pPr lvl="3"/>
            <a:r>
              <a:rPr lang="en-US" dirty="0" err="1">
                <a:solidFill>
                  <a:srgbClr val="FF0000"/>
                </a:solidFill>
              </a:rPr>
              <a:t>roslaunch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bluerov_path_planning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run.launch</a:t>
            </a:r>
            <a:endParaRPr lang="en-US" dirty="0">
              <a:solidFill>
                <a:srgbClr val="FF0000"/>
              </a:solidFill>
            </a:endParaRPr>
          </a:p>
          <a:p>
            <a:pPr lvl="2"/>
            <a:r>
              <a:rPr lang="en-US" dirty="0"/>
              <a:t>Publish the goal position:</a:t>
            </a:r>
          </a:p>
          <a:p>
            <a:pPr lvl="3"/>
            <a:r>
              <a:rPr lang="en-US" dirty="0" err="1">
                <a:solidFill>
                  <a:srgbClr val="FF0000"/>
                </a:solidFill>
              </a:rPr>
              <a:t>roslaunch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bluerov_path_planning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publish_goal.launch</a:t>
            </a:r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4653040-D3DD-6145-A42F-DAE86BE6634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400A405-C6A3-E391-F93A-A2D1F2735D1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61114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B04F45B-8605-BF5D-A7F4-10B7D41F72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C03FC9-B80D-0FA3-CA23-124973F683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Implementation using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CC49D74-3969-4BD1-A9F6-D4B3B034C96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3.2: Add a new A* path planner ROS node:</a:t>
            </a:r>
          </a:p>
          <a:p>
            <a:pPr lvl="1"/>
            <a:r>
              <a:rPr lang="en-US" dirty="0"/>
              <a:t>Duplicate </a:t>
            </a:r>
            <a:r>
              <a:rPr lang="en-US" dirty="0">
                <a:solidFill>
                  <a:srgbClr val="FF0000"/>
                </a:solidFill>
              </a:rPr>
              <a:t>dijkstra_planner.py </a:t>
            </a:r>
          </a:p>
          <a:p>
            <a:pPr lvl="1"/>
            <a:r>
              <a:rPr lang="en-US" dirty="0"/>
              <a:t>Add heuristic function (See the code from the Exercise 1)</a:t>
            </a:r>
          </a:p>
          <a:p>
            <a:pPr lvl="2"/>
            <a:r>
              <a:rPr lang="en-US" dirty="0">
                <a:solidFill>
                  <a:srgbClr val="FF0000"/>
                </a:solidFill>
              </a:rPr>
              <a:t>PathPlanning\Search_based_Planning\Search_2D\Astar.py</a:t>
            </a:r>
          </a:p>
          <a:p>
            <a:pPr lvl="1"/>
            <a:r>
              <a:rPr lang="en-US" dirty="0"/>
              <a:t>Add a new or modify the ROS launch file to call your new ROS node: </a:t>
            </a:r>
            <a:r>
              <a:rPr lang="en-US" dirty="0" err="1">
                <a:solidFill>
                  <a:srgbClr val="FF0000"/>
                </a:solidFill>
              </a:rPr>
              <a:t>run.launch</a:t>
            </a:r>
            <a:endParaRPr lang="en-US" dirty="0">
              <a:solidFill>
                <a:srgbClr val="FF0000"/>
              </a:solidFill>
            </a:endParaRPr>
          </a:p>
          <a:p>
            <a:pPr lvl="1"/>
            <a:r>
              <a:rPr lang="en-US" dirty="0"/>
              <a:t>Update the </a:t>
            </a:r>
            <a:r>
              <a:rPr lang="en-US" dirty="0">
                <a:solidFill>
                  <a:srgbClr val="FF0000"/>
                </a:solidFill>
              </a:rPr>
              <a:t>CMakeLists.txt </a:t>
            </a:r>
            <a:r>
              <a:rPr lang="en-US" dirty="0"/>
              <a:t>(adding your new python file) and compile (</a:t>
            </a:r>
            <a:r>
              <a:rPr lang="en-US" dirty="0" err="1">
                <a:solidFill>
                  <a:srgbClr val="FF0000"/>
                </a:solidFill>
              </a:rPr>
              <a:t>catkin_make</a:t>
            </a:r>
            <a:r>
              <a:rPr lang="en-US" dirty="0"/>
              <a:t>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6B5BF61-A65C-37BB-7B35-9803BBA37C8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9FE36D9-3681-4254-0B19-72D7A252F2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5270240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CAED0D-1563-D280-A4DC-D52368B5B14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ED4863-AF57-CB60-6810-390A0CF95B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4 – 3D Path Plann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3C076BB-745E-0D81-FC4C-E30B0596F46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4.1</a:t>
            </a:r>
          </a:p>
          <a:p>
            <a:pPr lvl="1"/>
            <a:r>
              <a:rPr lang="en-US" dirty="0"/>
              <a:t>Duplicate and extend </a:t>
            </a:r>
            <a:r>
              <a:rPr lang="en-US" dirty="0">
                <a:solidFill>
                  <a:srgbClr val="FF0000"/>
                </a:solidFill>
              </a:rPr>
              <a:t>exe2_sampling_based.ipynb </a:t>
            </a:r>
            <a:r>
              <a:rPr lang="en-US" dirty="0"/>
              <a:t>to 3D. The classes are available in: 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Path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Search_based_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Search_3D</a:t>
            </a:r>
            <a:r>
              <a:rPr lang="en-US" dirty="0"/>
              <a:t> </a:t>
            </a:r>
          </a:p>
          <a:p>
            <a:r>
              <a:rPr lang="en-US" dirty="0"/>
              <a:t>Exercise 4.2</a:t>
            </a:r>
          </a:p>
          <a:p>
            <a:pPr lvl="1"/>
            <a:r>
              <a:rPr lang="en-US" dirty="0"/>
              <a:t>Implement one of the 3D path planning algorithm to the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  <a:p>
            <a:pPr lvl="1"/>
            <a:r>
              <a:rPr lang="en-US" dirty="0"/>
              <a:t>Hints:</a:t>
            </a:r>
          </a:p>
          <a:p>
            <a:pPr lvl="2"/>
            <a:r>
              <a:rPr lang="en-US" dirty="0"/>
              <a:t>The </a:t>
            </a:r>
            <a:r>
              <a:rPr lang="en-US" dirty="0" err="1"/>
              <a:t>gridmap</a:t>
            </a:r>
            <a:r>
              <a:rPr lang="en-US" dirty="0"/>
              <a:t> is available in Exercise-3 (The topic name is “</a:t>
            </a:r>
            <a:r>
              <a:rPr lang="en-US" dirty="0" err="1"/>
              <a:t>grid_map</a:t>
            </a:r>
            <a:r>
              <a:rPr lang="en-US" dirty="0"/>
              <a:t>” which can be converted to “</a:t>
            </a:r>
            <a:r>
              <a:rPr lang="en-US" dirty="0" err="1"/>
              <a:t>pointcloud</a:t>
            </a:r>
            <a:r>
              <a:rPr lang="en-US" dirty="0"/>
              <a:t>”). See: </a:t>
            </a:r>
            <a:r>
              <a:rPr lang="en-US" dirty="0" err="1">
                <a:solidFill>
                  <a:srgbClr val="FF0000"/>
                </a:solidFill>
              </a:rPr>
              <a:t>grid_map_ros</a:t>
            </a:r>
            <a:r>
              <a:rPr lang="en-US" dirty="0">
                <a:solidFill>
                  <a:srgbClr val="FF0000"/>
                </a:solidFill>
              </a:rPr>
              <a:t>/</a:t>
            </a:r>
            <a:r>
              <a:rPr lang="en-US" dirty="0" err="1">
                <a:solidFill>
                  <a:srgbClr val="FF0000"/>
                </a:solidFill>
              </a:rPr>
              <a:t>src</a:t>
            </a:r>
            <a:r>
              <a:rPr lang="en-US" dirty="0">
                <a:solidFill>
                  <a:srgbClr val="FF0000"/>
                </a:solidFill>
              </a:rPr>
              <a:t>/GridMapRosConverter.cpp</a:t>
            </a:r>
          </a:p>
          <a:p>
            <a:pPr lvl="2"/>
            <a:r>
              <a:rPr lang="en-US" dirty="0"/>
              <a:t>The </a:t>
            </a:r>
            <a:r>
              <a:rPr lang="en-US" dirty="0" err="1"/>
              <a:t>pointcloud</a:t>
            </a:r>
            <a:r>
              <a:rPr lang="en-US" dirty="0"/>
              <a:t> can be converted to </a:t>
            </a:r>
            <a:r>
              <a:rPr lang="en-US" dirty="0" err="1"/>
              <a:t>octomap</a:t>
            </a:r>
            <a:r>
              <a:rPr lang="en-US" dirty="0"/>
              <a:t> (3D occupancy grid map): </a:t>
            </a:r>
            <a:r>
              <a:rPr lang="da-DK" dirty="0" err="1">
                <a:hlinkClick r:id="rId2"/>
              </a:rPr>
              <a:t>octomap</a:t>
            </a:r>
            <a:r>
              <a:rPr lang="da-DK" dirty="0">
                <a:hlinkClick r:id="rId2"/>
              </a:rPr>
              <a:t> - ROS Wiki</a:t>
            </a:r>
            <a:endParaRPr lang="da-DK" dirty="0"/>
          </a:p>
          <a:p>
            <a:pPr lvl="2"/>
            <a:r>
              <a:rPr lang="da-DK" dirty="0" err="1"/>
              <a:t>There</a:t>
            </a:r>
            <a:r>
              <a:rPr lang="da-DK" dirty="0"/>
              <a:t> is a </a:t>
            </a:r>
            <a:r>
              <a:rPr lang="da-DK" dirty="0" err="1"/>
              <a:t>repository</a:t>
            </a:r>
            <a:r>
              <a:rPr lang="da-DK" dirty="0"/>
              <a:t> for </a:t>
            </a:r>
            <a:r>
              <a:rPr lang="da-DK" dirty="0" err="1"/>
              <a:t>octomap</a:t>
            </a:r>
            <a:r>
              <a:rPr lang="da-DK" dirty="0"/>
              <a:t> </a:t>
            </a:r>
            <a:r>
              <a:rPr lang="da-DK" dirty="0" err="1"/>
              <a:t>collision</a:t>
            </a:r>
            <a:r>
              <a:rPr lang="da-DK" dirty="0"/>
              <a:t> check: </a:t>
            </a:r>
            <a:r>
              <a:rPr lang="da-DK" dirty="0">
                <a:hlinkClick r:id="rId3"/>
              </a:rPr>
              <a:t>3d_navigation/</a:t>
            </a:r>
            <a:r>
              <a:rPr lang="da-DK" dirty="0" err="1">
                <a:hlinkClick r:id="rId3"/>
              </a:rPr>
              <a:t>octomap_collision_check</a:t>
            </a:r>
            <a:r>
              <a:rPr lang="da-DK" dirty="0">
                <a:hlinkClick r:id="rId3"/>
              </a:rPr>
              <a:t> at </a:t>
            </a:r>
            <a:r>
              <a:rPr lang="da-DK" dirty="0" err="1">
                <a:hlinkClick r:id="rId3"/>
              </a:rPr>
              <a:t>hydro-devel</a:t>
            </a:r>
            <a:r>
              <a:rPr lang="da-DK" dirty="0">
                <a:hlinkClick r:id="rId3"/>
              </a:rPr>
              <a:t> · ros-</a:t>
            </a:r>
            <a:r>
              <a:rPr lang="da-DK" dirty="0" err="1">
                <a:hlinkClick r:id="rId3"/>
              </a:rPr>
              <a:t>planning</a:t>
            </a:r>
            <a:r>
              <a:rPr lang="da-DK" dirty="0">
                <a:hlinkClick r:id="rId3"/>
              </a:rPr>
              <a:t>/3d_navigation (github.com)</a:t>
            </a:r>
            <a:r>
              <a:rPr lang="da-DK" dirty="0"/>
              <a:t> </a:t>
            </a:r>
            <a:endParaRPr lang="en-US" dirty="0"/>
          </a:p>
          <a:p>
            <a:pPr lvl="2"/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DA67BE-40DB-33EC-7C9D-C7385476F5E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19C4C4-C124-26B3-8D89-6F9F1438F3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23493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{"type":"shape","id":"4677ba61-354d-4365-8b3f-c04251d5c3e5","elementConfiguration":{"binding":"UserProfile.Offices.Workarea_{{DocumentLanguage}}","disableUpdates":false,"type":"text"}},{"type":"shape","id":"b679746d-93d5-4d43-90a4-93ebe9ac3257","elementConfiguration":{"format":"{{DateFormats.GeneralDate}}","binding":"Form.Date","disableUpdates":false,"type":"date"}},{"type":"shape","id":"2b4439ed-ce1f-4eaa-844c-d1e3543b3122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7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LEYg78CDTsI++dqBQ7gClg=="}]}]]></Templafy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0BC190A8-4F09-4D6F-BBED-980F99C3B238}">
  <ds:schemaRefs/>
</ds:datastoreItem>
</file>

<file path=customXml/itemProps2.xml><?xml version="1.0" encoding="utf-8"?>
<ds:datastoreItem xmlns:ds="http://schemas.openxmlformats.org/officeDocument/2006/customXml" ds:itemID="{7FEA1E6D-AEEC-41D9-9E9A-45BA2EAE1656}">
  <ds:schemaRefs/>
</ds:datastoreItem>
</file>

<file path=customXml/itemProps3.xml><?xml version="1.0" encoding="utf-8"?>
<ds:datastoreItem xmlns:ds="http://schemas.openxmlformats.org/officeDocument/2006/customXml" ds:itemID="{BCE4F6AA-590D-471F-8869-D7C9C388B21F}">
  <ds:schemaRefs/>
</ds:datastoreItem>
</file>

<file path=customXml/itemProps4.xml><?xml version="1.0" encoding="utf-8"?>
<ds:datastoreItem xmlns:ds="http://schemas.openxmlformats.org/officeDocument/2006/customXml" ds:itemID="{A99E0396-DE9D-473F-B1CB-768EB622C89A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AD091A09-3CB8-44F3-AFDB-D8A682CADFEC}">
  <ds:schemaRefs/>
</ds:datastoreItem>
</file>

<file path=customXml/itemProps7.xml><?xml version="1.0" encoding="utf-8"?>
<ds:datastoreItem xmlns:ds="http://schemas.openxmlformats.org/officeDocument/2006/customXml" ds:itemID="{5B29B696-7354-412C-9B8E-ED20D22F6B23}">
  <ds:schemaRefs/>
</ds:datastoreItem>
</file>

<file path=customXml/itemProps8.xml><?xml version="1.0" encoding="utf-8"?>
<ds:datastoreItem xmlns:ds="http://schemas.openxmlformats.org/officeDocument/2006/customXml" ds:itemID="{4D5E1A10-B5E6-482A-9521-846112537EB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293</TotalTime>
  <Words>490</Words>
  <Application>Microsoft Office PowerPoint</Application>
  <PresentationFormat>Custom</PresentationFormat>
  <Paragraphs>53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9" baseType="lpstr">
      <vt:lpstr>Arial</vt:lpstr>
      <vt:lpstr>Verdana</vt:lpstr>
      <vt:lpstr>Blank</vt:lpstr>
      <vt:lpstr>Path Planning</vt:lpstr>
      <vt:lpstr>Exercise 1 – Searching Based Path Planning</vt:lpstr>
      <vt:lpstr>Exercise 2 – Sampling Based Path Planning</vt:lpstr>
      <vt:lpstr>Exercise 3 – Implementation using BlueROV Simulator</vt:lpstr>
      <vt:lpstr>Exercise 3 – Implementation using BlueROV Simulator</vt:lpstr>
      <vt:lpstr>Exercise 4 – 3D Path Plann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Yaqub Prabowo</cp:lastModifiedBy>
  <cp:revision>117</cp:revision>
  <dcterms:created xsi:type="dcterms:W3CDTF">2017-07-31T08:31:56Z</dcterms:created>
  <dcterms:modified xsi:type="dcterms:W3CDTF">2024-02-14T08:57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457677735186646</vt:lpwstr>
  </property>
  <property fmtid="{D5CDD505-2E9C-101B-9397-08002B2CF9AE}" pid="6" name="TemplafyLanguageCode">
    <vt:lpwstr>en-GB</vt:lpwstr>
  </property>
</Properties>
</file>